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714\common\01_R7年度\20_研修・業績発表会\01_業績発表会(緑)\01_本県業績発表会\R7業発資料（渡部）\HP掲載資料\"/>
    </mc:Choice>
  </mc:AlternateContent>
  <xr:revisionPtr revIDLastSave="0" documentId="13_ncr:1_{A070B4DF-1FF1-4F8B-9CFC-8AE771266275}" xr6:coauthVersionLast="47" xr6:coauthVersionMax="47" xr10:uidLastSave="{00000000-0000-0000-0000-000000000000}"/>
  <bookViews>
    <workbookView xWindow="-30" yWindow="-10910" windowWidth="19420" windowHeight="10300" xr2:uid="{00000000-000D-0000-FFFF-FFFF00000000}"/>
  </bookViews>
  <sheets>
    <sheet name="Sheet1" sheetId="1" r:id="rId1"/>
  </sheets>
  <definedNames>
    <definedName name="_xlnm.Print_Area" localSheetId="0">Sheet1!$B$2:$F$1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8" uniqueCount="10">
  <si>
    <t>放射線に関する教育研修・研修記録表</t>
  </si>
  <si>
    <t>番号</t>
    <rPh sb="0" eb="2">
      <t>バンゴウ</t>
    </rPh>
    <phoneticPr fontId="1"/>
  </si>
  <si>
    <t>実施年月日</t>
    <rPh sb="0" eb="5">
      <t>ジッシネンガッピ</t>
    </rPh>
    <phoneticPr fontId="1"/>
  </si>
  <si>
    <t>受講者氏名</t>
    <rPh sb="0" eb="3">
      <t>ジュコウシャ</t>
    </rPh>
    <rPh sb="3" eb="5">
      <t>シメイ</t>
    </rPh>
    <phoneticPr fontId="1"/>
  </si>
  <si>
    <t>受講時期</t>
    <rPh sb="0" eb="2">
      <t>ジュコウ</t>
    </rPh>
    <rPh sb="2" eb="4">
      <t>ジキ</t>
    </rPh>
    <phoneticPr fontId="1"/>
  </si>
  <si>
    <t>内容</t>
    <rPh sb="0" eb="2">
      <t>ナイヨウ</t>
    </rPh>
    <phoneticPr fontId="1"/>
  </si>
  <si>
    <t>初めて管理区域に立ち入る前 ・ １年以内ごと</t>
    <rPh sb="0" eb="1">
      <t>ハジ</t>
    </rPh>
    <rPh sb="3" eb="5">
      <t>カンリ</t>
    </rPh>
    <rPh sb="5" eb="7">
      <t>クイキ</t>
    </rPh>
    <rPh sb="8" eb="9">
      <t>タ</t>
    </rPh>
    <rPh sb="10" eb="11">
      <t>イ</t>
    </rPh>
    <rPh sb="12" eb="13">
      <t>マエ</t>
    </rPh>
    <rPh sb="17" eb="18">
      <t>ネン</t>
    </rPh>
    <rPh sb="18" eb="20">
      <t>イナイ</t>
    </rPh>
    <phoneticPr fontId="1"/>
  </si>
  <si>
    <t>実施：初めて管理区域に立ち入る前 ・ １年以内ごと</t>
    <rPh sb="0" eb="2">
      <t>ジッシ</t>
    </rPh>
    <phoneticPr fontId="1"/>
  </si>
  <si>
    <t>・ 人体に与える影響
・ 安全取扱
・ 放射線障害防止に関する法令</t>
    <rPh sb="2" eb="4">
      <t>ジンタイ</t>
    </rPh>
    <rPh sb="5" eb="6">
      <t>アタ</t>
    </rPh>
    <rPh sb="8" eb="10">
      <t>エイキョウ</t>
    </rPh>
    <rPh sb="13" eb="15">
      <t>アンゼン</t>
    </rPh>
    <rPh sb="15" eb="17">
      <t>トリアツカ</t>
    </rPh>
    <rPh sb="20" eb="23">
      <t>ホウシャセン</t>
    </rPh>
    <rPh sb="23" eb="25">
      <t>ショウガイ</t>
    </rPh>
    <rPh sb="25" eb="27">
      <t>ボウシ</t>
    </rPh>
    <rPh sb="28" eb="29">
      <t>カン</t>
    </rPh>
    <rPh sb="31" eb="33">
      <t>ホウレイ</t>
    </rPh>
    <phoneticPr fontId="1"/>
  </si>
  <si>
    <t>記録：５年保存</t>
    <rPh sb="4" eb="5">
      <t>ネン</t>
    </rPh>
    <rPh sb="5" eb="7">
      <t>ホゾ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22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" xfId="0" applyFont="1" applyBorder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 wrapText="1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>
      <alignment vertical="center"/>
    </xf>
    <xf numFmtId="0" fontId="2" fillId="0" borderId="6" xfId="0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2" fillId="0" borderId="0" xfId="0" applyFont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2:F14"/>
  <sheetViews>
    <sheetView tabSelected="1" view="pageBreakPreview" zoomScale="55" zoomScaleNormal="40" zoomScaleSheetLayoutView="55" workbookViewId="0">
      <selection activeCell="K6" sqref="K6"/>
    </sheetView>
  </sheetViews>
  <sheetFormatPr defaultRowHeight="14" x14ac:dyDescent="0.2"/>
  <cols>
    <col min="1" max="1" width="6.4140625" customWidth="1"/>
    <col min="2" max="2" width="8.33203125" style="1" customWidth="1"/>
    <col min="3" max="3" width="18.33203125" customWidth="1"/>
    <col min="4" max="4" width="21.5" customWidth="1"/>
    <col min="5" max="5" width="41.4140625" customWidth="1"/>
    <col min="6" max="6" width="46.08203125" customWidth="1"/>
  </cols>
  <sheetData>
    <row r="2" spans="2:6" ht="25.5" x14ac:dyDescent="0.2">
      <c r="B2" s="13" t="s">
        <v>0</v>
      </c>
      <c r="C2" s="2"/>
      <c r="D2" s="2"/>
      <c r="E2" s="2"/>
      <c r="F2" s="14" t="s">
        <v>7</v>
      </c>
    </row>
    <row r="3" spans="2:6" ht="14.5" thickBot="1" x14ac:dyDescent="0.25">
      <c r="B3" s="3"/>
      <c r="C3" s="2"/>
      <c r="D3" s="2"/>
      <c r="E3" s="2"/>
      <c r="F3" s="2" t="s">
        <v>9</v>
      </c>
    </row>
    <row r="4" spans="2:6" s="1" customFormat="1" ht="34" customHeight="1" x14ac:dyDescent="0.2">
      <c r="B4" s="4" t="s">
        <v>1</v>
      </c>
      <c r="C4" s="5" t="s">
        <v>2</v>
      </c>
      <c r="D4" s="5" t="s">
        <v>3</v>
      </c>
      <c r="E4" s="5" t="s">
        <v>4</v>
      </c>
      <c r="F4" s="5" t="s">
        <v>5</v>
      </c>
    </row>
    <row r="5" spans="2:6" ht="47.5" customHeight="1" x14ac:dyDescent="0.2">
      <c r="B5" s="6">
        <v>1</v>
      </c>
      <c r="C5" s="7"/>
      <c r="D5" s="7"/>
      <c r="E5" s="8" t="s">
        <v>6</v>
      </c>
      <c r="F5" s="9" t="s">
        <v>8</v>
      </c>
    </row>
    <row r="6" spans="2:6" ht="47.5" customHeight="1" x14ac:dyDescent="0.2">
      <c r="B6" s="6">
        <v>2</v>
      </c>
      <c r="C6" s="7"/>
      <c r="D6" s="7"/>
      <c r="E6" s="8" t="s">
        <v>6</v>
      </c>
      <c r="F6" s="9" t="s">
        <v>8</v>
      </c>
    </row>
    <row r="7" spans="2:6" ht="47.5" customHeight="1" x14ac:dyDescent="0.2">
      <c r="B7" s="6">
        <v>3</v>
      </c>
      <c r="C7" s="7"/>
      <c r="D7" s="7"/>
      <c r="E7" s="8" t="s">
        <v>6</v>
      </c>
      <c r="F7" s="9" t="s">
        <v>8</v>
      </c>
    </row>
    <row r="8" spans="2:6" ht="47.5" customHeight="1" x14ac:dyDescent="0.2">
      <c r="B8" s="6">
        <v>4</v>
      </c>
      <c r="C8" s="7"/>
      <c r="D8" s="7"/>
      <c r="E8" s="8" t="s">
        <v>6</v>
      </c>
      <c r="F8" s="9" t="s">
        <v>8</v>
      </c>
    </row>
    <row r="9" spans="2:6" ht="47.5" customHeight="1" x14ac:dyDescent="0.2">
      <c r="B9" s="6">
        <v>5</v>
      </c>
      <c r="C9" s="7"/>
      <c r="D9" s="7"/>
      <c r="E9" s="8" t="s">
        <v>6</v>
      </c>
      <c r="F9" s="9" t="s">
        <v>8</v>
      </c>
    </row>
    <row r="10" spans="2:6" ht="47.5" customHeight="1" x14ac:dyDescent="0.2">
      <c r="B10" s="6">
        <v>6</v>
      </c>
      <c r="C10" s="7"/>
      <c r="D10" s="7"/>
      <c r="E10" s="8" t="s">
        <v>6</v>
      </c>
      <c r="F10" s="9" t="s">
        <v>8</v>
      </c>
    </row>
    <row r="11" spans="2:6" ht="47.5" customHeight="1" x14ac:dyDescent="0.2">
      <c r="B11" s="6">
        <v>7</v>
      </c>
      <c r="C11" s="7"/>
      <c r="D11" s="7"/>
      <c r="E11" s="8" t="s">
        <v>6</v>
      </c>
      <c r="F11" s="9" t="s">
        <v>8</v>
      </c>
    </row>
    <row r="12" spans="2:6" ht="47.5" customHeight="1" x14ac:dyDescent="0.2">
      <c r="B12" s="6">
        <v>8</v>
      </c>
      <c r="C12" s="7"/>
      <c r="D12" s="7"/>
      <c r="E12" s="8" t="s">
        <v>6</v>
      </c>
      <c r="F12" s="9" t="s">
        <v>8</v>
      </c>
    </row>
    <row r="13" spans="2:6" ht="47.5" customHeight="1" x14ac:dyDescent="0.2">
      <c r="B13" s="6">
        <v>9</v>
      </c>
      <c r="C13" s="7"/>
      <c r="D13" s="7"/>
      <c r="E13" s="8" t="s">
        <v>6</v>
      </c>
      <c r="F13" s="9" t="s">
        <v>8</v>
      </c>
    </row>
    <row r="14" spans="2:6" ht="47.5" customHeight="1" thickBot="1" x14ac:dyDescent="0.25">
      <c r="B14" s="10">
        <v>10</v>
      </c>
      <c r="C14" s="11"/>
      <c r="D14" s="11"/>
      <c r="E14" s="12" t="s">
        <v>6</v>
      </c>
      <c r="F14" s="9" t="s">
        <v>8</v>
      </c>
    </row>
  </sheetData>
  <phoneticPr fontId="1"/>
  <printOptions gridLines="1"/>
  <pageMargins left="0.70866141732283472" right="0.70866141732283472" top="0.74803149606299213" bottom="0.74803149606299213" header="0.31496062992125984" footer="0.31496062992125984"/>
  <pageSetup paperSize="9" scale="9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inozawa</dc:creator>
  <cp:lastModifiedBy>渡部</cp:lastModifiedBy>
  <cp:lastPrinted>2026-01-09T01:57:40Z</cp:lastPrinted>
  <dcterms:created xsi:type="dcterms:W3CDTF">2025-04-15T07:53:54Z</dcterms:created>
  <dcterms:modified xsi:type="dcterms:W3CDTF">2026-01-09T01:58:08Z</dcterms:modified>
</cp:coreProperties>
</file>